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6"/>
  </p:sldMasterIdLst>
  <p:notesMasterIdLst>
    <p:notesMasterId r:id="rId30"/>
  </p:notesMasterIdLst>
  <p:handoutMasterIdLst>
    <p:handoutMasterId r:id="rId31"/>
  </p:handoutMasterIdLst>
  <p:sldIdLst>
    <p:sldId id="349" r:id="rId17"/>
    <p:sldId id="473" r:id="rId18"/>
    <p:sldId id="475" r:id="rId19"/>
    <p:sldId id="484" r:id="rId20"/>
    <p:sldId id="494" r:id="rId21"/>
    <p:sldId id="486" r:id="rId22"/>
    <p:sldId id="488" r:id="rId23"/>
    <p:sldId id="495" r:id="rId24"/>
    <p:sldId id="497" r:id="rId25"/>
    <p:sldId id="480" r:id="rId26"/>
    <p:sldId id="465" r:id="rId27"/>
    <p:sldId id="482" r:id="rId28"/>
    <p:sldId id="453" r:id="rId29"/>
  </p:sldIdLst>
  <p:sldSz cx="12192000" cy="6858000"/>
  <p:notesSz cx="6858000" cy="9144000"/>
  <p:embeddedFontLst>
    <p:embeddedFont>
      <p:font typeface="Veidekke Favorit Offc" panose="020B0604020202020204" charset="0"/>
      <p:regular r:id="rId32"/>
      <p:bold r:id="rId33"/>
      <p:italic r:id="rId34"/>
      <p:boldItalic r:id="rId3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BBE55A9-FCD3-EAD7-D1F2-889DA0787FD6}" name="Tone Beate Grændsen" initials="TG" userId="S::tone.graendsen@veidekke.no::45f75abb-da2e-4860-9e64-07aad59a34e9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30767E0-062A-4EB8-B08E-FBCECC8F95D5}" v="51" dt="2025-08-25T07:39:38.78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9" Type="http://schemas.openxmlformats.org/officeDocument/2006/relationships/tableStyles" Target="tableStyles.xml"/><Relationship Id="rId21" Type="http://schemas.openxmlformats.org/officeDocument/2006/relationships/slide" Target="slides/slide5.xml"/><Relationship Id="rId34" Type="http://schemas.openxmlformats.org/officeDocument/2006/relationships/font" Target="fonts/font3.fntdata"/><Relationship Id="rId42" Type="http://schemas.microsoft.com/office/2018/10/relationships/authors" Target="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slide" Target="slides/slide13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font" Target="fonts/font1.fntdata"/><Relationship Id="rId37" Type="http://schemas.openxmlformats.org/officeDocument/2006/relationships/viewProps" Target="viewProps.xml"/><Relationship Id="rId40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font" Target="fonts/font2.fntdata"/><Relationship Id="rId38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e Sangnes" userId="4b78976c-cec6-4512-b85a-74fd4fdee3d5" providerId="ADAL" clId="{530767E0-062A-4EB8-B08E-FBCECC8F95D5}"/>
    <pc:docChg chg="undo custSel delSld modSld">
      <pc:chgData name="Ane Sangnes" userId="4b78976c-cec6-4512-b85a-74fd4fdee3d5" providerId="ADAL" clId="{530767E0-062A-4EB8-B08E-FBCECC8F95D5}" dt="2025-08-25T07:39:38.783" v="49" actId="1076"/>
      <pc:docMkLst>
        <pc:docMk/>
      </pc:docMkLst>
      <pc:sldChg chg="del">
        <pc:chgData name="Ane Sangnes" userId="4b78976c-cec6-4512-b85a-74fd4fdee3d5" providerId="ADAL" clId="{530767E0-062A-4EB8-B08E-FBCECC8F95D5}" dt="2025-08-19T13:02:50.861" v="0" actId="47"/>
        <pc:sldMkLst>
          <pc:docMk/>
          <pc:sldMk cId="2284739624" sldId="256"/>
        </pc:sldMkLst>
      </pc:sldChg>
      <pc:sldChg chg="addSp delSp modSp mod">
        <pc:chgData name="Ane Sangnes" userId="4b78976c-cec6-4512-b85a-74fd4fdee3d5" providerId="ADAL" clId="{530767E0-062A-4EB8-B08E-FBCECC8F95D5}" dt="2025-08-25T07:39:38.783" v="49" actId="1076"/>
        <pc:sldMkLst>
          <pc:docMk/>
          <pc:sldMk cId="2485932842" sldId="482"/>
        </pc:sldMkLst>
        <pc:spChg chg="mod">
          <ac:chgData name="Ane Sangnes" userId="4b78976c-cec6-4512-b85a-74fd4fdee3d5" providerId="ADAL" clId="{530767E0-062A-4EB8-B08E-FBCECC8F95D5}" dt="2025-08-25T07:37:38.709" v="40" actId="20577"/>
          <ac:spMkLst>
            <pc:docMk/>
            <pc:sldMk cId="2485932842" sldId="482"/>
            <ac:spMk id="3" creationId="{89CB35D6-D1DC-5381-BA70-D43793AB20F1}"/>
          </ac:spMkLst>
        </pc:spChg>
        <pc:spChg chg="del">
          <ac:chgData name="Ane Sangnes" userId="4b78976c-cec6-4512-b85a-74fd4fdee3d5" providerId="ADAL" clId="{530767E0-062A-4EB8-B08E-FBCECC8F95D5}" dt="2025-08-25T07:37:45.568" v="42" actId="478"/>
          <ac:spMkLst>
            <pc:docMk/>
            <pc:sldMk cId="2485932842" sldId="482"/>
            <ac:spMk id="5" creationId="{A48CA80B-4C76-07BC-C732-92712C49974E}"/>
          </ac:spMkLst>
        </pc:spChg>
        <pc:picChg chg="add mod">
          <ac:chgData name="Ane Sangnes" userId="4b78976c-cec6-4512-b85a-74fd4fdee3d5" providerId="ADAL" clId="{530767E0-062A-4EB8-B08E-FBCECC8F95D5}" dt="2025-08-25T07:39:38.783" v="49" actId="1076"/>
          <ac:picMkLst>
            <pc:docMk/>
            <pc:sldMk cId="2485932842" sldId="482"/>
            <ac:picMk id="6" creationId="{4A76019A-E393-5411-B611-BDA1FA684C2A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5/08/2025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5/08/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317087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/>
              <a:t>I HMS-uka 2022 tok vi for oss de psykososiale og organisatoriske faktorene som bidrar til å påvirke arbeidsmiljø og vår arbeidshelse. </a:t>
            </a:r>
          </a:p>
          <a:p>
            <a:pPr marL="0" indent="0">
              <a:buNone/>
            </a:pPr>
            <a:endParaRPr lang="nb-NO"/>
          </a:p>
          <a:p>
            <a:r>
              <a:rPr lang="nb-NO"/>
              <a:t>Tidspress og høyt arbeidstempo</a:t>
            </a:r>
          </a:p>
          <a:p>
            <a:r>
              <a:rPr lang="nb-NO"/>
              <a:t>Uklare roller</a:t>
            </a:r>
          </a:p>
          <a:p>
            <a:r>
              <a:rPr lang="nb-NO"/>
              <a:t>Mangelfull kommunikasjon</a:t>
            </a:r>
          </a:p>
          <a:p>
            <a:r>
              <a:rPr lang="nb-NO"/>
              <a:t>Språklige og kulturelle barrierer</a:t>
            </a:r>
          </a:p>
          <a:p>
            <a:r>
              <a:rPr lang="nb-NO"/>
              <a:t>Manglende opplæring</a:t>
            </a:r>
          </a:p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435849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12" Type="http://schemas.openxmlformats.org/officeDocument/2006/relationships/image" Target="../media/image13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11" Type="http://schemas.openxmlformats.org/officeDocument/2006/relationships/image" Target="../media/image12.png"/><Relationship Id="rId5" Type="http://schemas.openxmlformats.org/officeDocument/2006/relationships/image" Target="../media/image6.pn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C1634AD3-039D-670B-2908-869F0EFB727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1342453"/>
            <a:ext cx="1416823" cy="247282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23F367C2-2D1E-8C39-6AED-9B68F012C6AC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6524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/>
              <a:t>Forside tittel</a:t>
            </a:r>
            <a:br>
              <a:rPr lang="nb-NO"/>
            </a:br>
            <a:r>
              <a:rPr lang="nb-NO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bg1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bg1"/>
                </a:solidFill>
              </a:defRPr>
            </a:lvl6pPr>
            <a:lvl7pPr marL="0" indent="0">
              <a:buNone/>
              <a:defRPr sz="900">
                <a:solidFill>
                  <a:schemeClr val="bg1"/>
                </a:solidFill>
              </a:defRPr>
            </a:lvl7pPr>
            <a:lvl8pPr marL="0" indent="0">
              <a:buNone/>
              <a:defRPr sz="900">
                <a:solidFill>
                  <a:schemeClr val="bg1"/>
                </a:solidFill>
              </a:defRPr>
            </a:lvl8pPr>
            <a:lvl9pPr marL="0" indent="0">
              <a:buNone/>
              <a:defRPr sz="9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>
                <a:solidFill>
                  <a:schemeClr val="bg1"/>
                </a:solidFill>
              </a:defRPr>
            </a:lvl1pPr>
            <a:lvl2pPr marL="0" indent="0">
              <a:buNone/>
              <a:defRPr sz="900">
                <a:solidFill>
                  <a:schemeClr val="bg1"/>
                </a:solidFill>
              </a:defRPr>
            </a:lvl2pPr>
            <a:lvl3pPr marL="0" indent="0">
              <a:buNone/>
              <a:defRPr sz="900">
                <a:solidFill>
                  <a:schemeClr val="bg1"/>
                </a:solidFill>
              </a:defRPr>
            </a:lvl3pPr>
            <a:lvl4pPr marL="0" indent="0">
              <a:buNone/>
              <a:defRPr sz="900">
                <a:solidFill>
                  <a:schemeClr val="bg1"/>
                </a:solidFill>
              </a:defRPr>
            </a:lvl4pPr>
            <a:lvl5pPr marL="0" indent="0">
              <a:buNone/>
              <a:defRPr sz="900">
                <a:solidFill>
                  <a:schemeClr val="bg1"/>
                </a:solidFill>
              </a:defRPr>
            </a:lvl5pPr>
            <a:lvl6pPr marL="0" indent="0">
              <a:buNone/>
              <a:defRPr sz="900">
                <a:solidFill>
                  <a:schemeClr val="bg1"/>
                </a:solidFill>
              </a:defRPr>
            </a:lvl6pPr>
            <a:lvl7pPr marL="0" indent="0">
              <a:buNone/>
              <a:defRPr sz="900">
                <a:solidFill>
                  <a:schemeClr val="bg1"/>
                </a:solidFill>
              </a:defRPr>
            </a:lvl7pPr>
            <a:lvl8pPr marL="0" indent="0">
              <a:buNone/>
              <a:defRPr sz="900">
                <a:solidFill>
                  <a:schemeClr val="bg1"/>
                </a:solidFill>
              </a:defRPr>
            </a:lvl8pPr>
            <a:lvl9pPr marL="0" indent="0">
              <a:buNone/>
              <a:defRPr sz="9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  <a:lvl6pPr marL="0" indent="0">
              <a:spcAft>
                <a:spcPts val="0"/>
              </a:spcAft>
              <a:buNone/>
              <a:defRPr sz="1600"/>
            </a:lvl6pPr>
            <a:lvl7pPr marL="0" indent="0">
              <a:spcAft>
                <a:spcPts val="0"/>
              </a:spcAft>
              <a:buNone/>
              <a:defRPr sz="1600"/>
            </a:lvl7pPr>
            <a:lvl8pPr marL="0" indent="0">
              <a:spcAft>
                <a:spcPts val="0"/>
              </a:spcAft>
              <a:buNone/>
              <a:defRPr sz="1600"/>
            </a:lvl8pPr>
            <a:lvl9pPr marL="0" indent="0">
              <a:spcAft>
                <a:spcPts val="0"/>
              </a:spcAft>
              <a:buNone/>
              <a:defRPr sz="1600"/>
            </a:lvl9pPr>
          </a:lstStyle>
          <a:p>
            <a:pPr lvl="0"/>
            <a:r>
              <a:rPr lang="nb-NO" noProof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  <a:lvl6pPr marL="0" indent="0">
              <a:spcAft>
                <a:spcPts val="0"/>
              </a:spcAft>
              <a:buNone/>
              <a:defRPr sz="1600"/>
            </a:lvl6pPr>
            <a:lvl7pPr marL="0" indent="0">
              <a:spcAft>
                <a:spcPts val="0"/>
              </a:spcAft>
              <a:buNone/>
              <a:defRPr sz="1600"/>
            </a:lvl7pPr>
            <a:lvl8pPr marL="0" indent="0">
              <a:spcAft>
                <a:spcPts val="0"/>
              </a:spcAft>
              <a:buNone/>
              <a:defRPr sz="1600"/>
            </a:lvl8pPr>
            <a:lvl9pPr marL="0" indent="0">
              <a:spcAft>
                <a:spcPts val="0"/>
              </a:spcAft>
              <a:buNone/>
              <a:defRPr sz="1600"/>
            </a:lvl9pPr>
          </a:lstStyle>
          <a:p>
            <a:pPr lvl="0"/>
            <a:r>
              <a:rPr lang="nb-NO" noProof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/>
              <a:t>Underoverskrif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/>
              <a:t>Underoverskrif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 b="1"/>
            </a:lvl1pPr>
            <a:lvl2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2pPr>
            <a:lvl3pPr marL="0" indent="0">
              <a:spcAft>
                <a:spcPts val="0"/>
              </a:spcAft>
              <a:buNone/>
              <a:defRPr sz="1600" b="1"/>
            </a:lvl3pPr>
            <a:lvl4pPr marL="0" indent="0">
              <a:spcAft>
                <a:spcPts val="0"/>
              </a:spcAft>
              <a:buNone/>
              <a:defRPr sz="1600" b="1"/>
            </a:lvl4pPr>
            <a:lvl5pPr marL="0" indent="0">
              <a:spcAft>
                <a:spcPts val="0"/>
              </a:spcAft>
              <a:buNone/>
              <a:defRPr sz="1600" b="1"/>
            </a:lvl5pPr>
            <a:lvl6pPr marL="0" indent="0">
              <a:spcAft>
                <a:spcPts val="0"/>
              </a:spcAft>
              <a:buNone/>
              <a:defRPr sz="1600" b="1"/>
            </a:lvl6pPr>
            <a:lvl7pPr marL="0" indent="0">
              <a:spcAft>
                <a:spcPts val="0"/>
              </a:spcAft>
              <a:buNone/>
              <a:defRPr sz="1600" b="1"/>
            </a:lvl7pPr>
            <a:lvl8pPr marL="0" indent="0">
              <a:spcAft>
                <a:spcPts val="0"/>
              </a:spcAft>
              <a:buNone/>
              <a:defRPr sz="1600" b="1"/>
            </a:lvl8pPr>
            <a:lvl9pPr marL="0" indent="0"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nb-NO" noProof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200"/>
            </a:lvl1pPr>
            <a:lvl2pPr marL="0" indent="0">
              <a:buNone/>
              <a:defRPr sz="1200"/>
            </a:lvl2pPr>
            <a:lvl3pPr marL="0" indent="0">
              <a:buNone/>
              <a:defRPr sz="1200"/>
            </a:lvl3pPr>
            <a:lvl4pPr marL="0" indent="0">
              <a:buNone/>
              <a:defRPr sz="1200"/>
            </a:lvl4pPr>
            <a:lvl5pPr marL="0" indent="0">
              <a:buNone/>
              <a:defRPr sz="1200"/>
            </a:lvl5pPr>
            <a:lvl6pPr marL="0" indent="0">
              <a:buNone/>
              <a:defRPr sz="1200"/>
            </a:lvl6pPr>
            <a:lvl7pPr marL="0" indent="0">
              <a:buNone/>
              <a:defRPr sz="1200"/>
            </a:lvl7pPr>
            <a:lvl8pPr marL="0" indent="0">
              <a:buNone/>
              <a:defRPr sz="1200"/>
            </a:lvl8pPr>
            <a:lvl9pPr marL="0" indent="0">
              <a:buNone/>
              <a:defRPr sz="1200"/>
            </a:lvl9pPr>
          </a:lstStyle>
          <a:p>
            <a:pPr lvl="0"/>
            <a:r>
              <a:rPr lang="nb-NO"/>
              <a:t>Underoverskrift</a:t>
            </a:r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/>
              <a:t>klikk for å legge til tekst, endre bak-grunnsfarge: form fyl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5.08.25</a:t>
            </a:fld>
            <a:endParaRPr lang="nb-NO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5.08.25</a:t>
            </a:fld>
            <a:endParaRPr lang="nb-NO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6" name="GeneralDate" descr="{&quot;templafy&quot;:{&quot;id&quot;:&quot;d9890d14-ad19-40a6-9ffb-5f7384c62ae5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0" name="Footer" descr="{&quot;templafy&quot;:{&quot;id&quot;:&quot;03ec4adf-5c17-4e6a-a51c-17c3efb809c8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230976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7547F5C-E3B3-4AAE-7F9B-8915C0CDDA4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1" y="1342453"/>
            <a:ext cx="1416821" cy="247282"/>
          </a:xfrm>
          <a:prstGeom prst="rect">
            <a:avLst/>
          </a:prstGeom>
        </p:spPr>
      </p:pic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CDE4936-BDAD-42CB-C6CE-C377E8AFA7AC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Klikk på plassholderen og lim inn bilde via Fotoware-ikonet i Templafy-panelet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65775581-7E2D-2F11-F026-110ECFEA56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6524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spc="0" baseline="0">
                <a:solidFill>
                  <a:schemeClr val="accent2"/>
                </a:solidFill>
              </a:defRPr>
            </a:lvl1pPr>
          </a:lstStyle>
          <a:p>
            <a:r>
              <a:rPr lang="nb-NO"/>
              <a:t>Forside tittel</a:t>
            </a:r>
            <a:br>
              <a:rPr lang="nb-NO"/>
            </a:br>
            <a:r>
              <a:rPr lang="nb-NO"/>
              <a:t>max 3 rader lång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502FF63-BF9B-F28C-AEB0-0C75C14ACB1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/>
              <a:t>Klikk for å legge til dato eller tekst</a:t>
            </a:r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9092D498-D301-7222-A0FB-11343BC79CC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>
                <a:solidFill>
                  <a:schemeClr val="accent2"/>
                </a:solidFill>
              </a:defRPr>
            </a:lvl1pPr>
            <a:lvl2pPr marL="0" indent="0">
              <a:buNone/>
              <a:defRPr sz="900">
                <a:solidFill>
                  <a:schemeClr val="accent2"/>
                </a:solidFill>
              </a:defRPr>
            </a:lvl2pPr>
            <a:lvl3pPr marL="0" indent="0">
              <a:buNone/>
              <a:defRPr sz="900">
                <a:solidFill>
                  <a:schemeClr val="accent2"/>
                </a:solidFill>
              </a:defRPr>
            </a:lvl3pPr>
            <a:lvl4pPr marL="0" indent="0">
              <a:buNone/>
              <a:defRPr sz="900">
                <a:solidFill>
                  <a:schemeClr val="accent2"/>
                </a:solidFill>
              </a:defRPr>
            </a:lvl4pPr>
            <a:lvl5pPr marL="0" indent="0">
              <a:buNone/>
              <a:defRPr sz="900">
                <a:solidFill>
                  <a:schemeClr val="accent2"/>
                </a:solidFill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nb-NO" smtClean="0"/>
              <a:t>2025.08.25</a:t>
            </a:fld>
            <a:endParaRPr lang="nb-NO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nb-NO" noProof="0"/>
              <a:t>Klikk for å legge til tekst                             Enter &amp; TAB for å vise neste tekststil       SHIFT+TAB for å vise forrige tekststil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nb-NO" smtClean="0"/>
              <a:t>2025.08.25</a:t>
            </a:fld>
            <a:endParaRPr lang="nb-NO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7" name="GeneralDate" descr="{&quot;templafy&quot;:{&quot;id&quot;:&quot;55e84658-1c3f-46f3-9fa7-f2f1724dd916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32" name="Footer" descr="{&quot;templafy&quot;:{&quot;id&quot;:&quot;1f7dcb65-4c52-4838-acd9-3adf903ddefa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nb-NO" smtClean="0"/>
              <a:t>2025.08.25</a:t>
            </a:fld>
            <a:endParaRPr lang="nb-NO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2" name="Footer" descr="{&quot;templafy&quot;:{&quot;id&quot;:&quot;5a7fff18-bdf2-4ea8-a186-baefa7b41549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6" name="GeneralDate" descr="{&quot;templafy&quot;:{&quot;id&quot;:&quot;f22da234-685e-42c5-ad48-22505a74c4f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5690938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E07A3C34-BD1C-20B6-FD52-C274B6A4B47F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72000" rIns="72000" bIns="180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Klikk på plassholderen og lim inn bilde via Fotoware-ikonet i Templafy-panelet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5690938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471738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AE3D61C-645B-BD4E-D863-CC91A2ECB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525446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0" name="Footer" descr="{&quot;templafy&quot;:{&quot;id&quot;:&quot;6e2e082d-6532-4236-8e63-2ce89aeac0be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7589195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nb-NO" smtClean="0"/>
              <a:t>2025.08.25</a:t>
            </a:fld>
            <a:endParaRPr lang="nb-NO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noProof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noProof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DEA2B23-4F38-9D16-3802-E530E19FE5AA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1" y="1342453"/>
            <a:ext cx="1416821" cy="247282"/>
          </a:xfrm>
          <a:prstGeom prst="rect">
            <a:avLst/>
          </a:prstGeom>
        </p:spPr>
      </p:pic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2D1F5BC-B4B6-8B46-6585-56C88F32154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81613" y="0"/>
            <a:ext cx="6910387" cy="6858000"/>
          </a:xfrm>
          <a:custGeom>
            <a:avLst/>
            <a:gdLst>
              <a:gd name="connsiteX0" fmla="*/ 2287073 w 6873026"/>
              <a:gd name="connsiteY0" fmla="*/ 0 h 6858000"/>
              <a:gd name="connsiteX1" fmla="*/ 6873026 w 6873026"/>
              <a:gd name="connsiteY1" fmla="*/ 0 h 6858000"/>
              <a:gd name="connsiteX2" fmla="*/ 6873026 w 6873026"/>
              <a:gd name="connsiteY2" fmla="*/ 6858000 h 6858000"/>
              <a:gd name="connsiteX3" fmla="*/ 0 w 687302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873026" h="6858000">
                <a:moveTo>
                  <a:pt x="2287073" y="0"/>
                </a:moveTo>
                <a:lnTo>
                  <a:pt x="6873026" y="0"/>
                </a:lnTo>
                <a:lnTo>
                  <a:pt x="687302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Klikk på plassholderen og lim inn bilde via Fotoware-ikonet i Templafy-panelet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03975E7-3692-8E1D-92EA-3B03009AF6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66524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100000"/>
              </a:lnSpc>
              <a:defRPr sz="40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nb-NO"/>
              <a:t>Forside tittel</a:t>
            </a:r>
            <a:br>
              <a:rPr lang="nb-NO"/>
            </a:br>
            <a:r>
              <a:rPr lang="nb-NO"/>
              <a:t>max 3 rader lång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1202F482-390D-D5AA-1D4F-5F7C0822F6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29259"/>
            <a:ext cx="4252138" cy="288000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900">
                <a:solidFill>
                  <a:schemeClr val="accent2"/>
                </a:solidFill>
                <a:latin typeface="+mn-lt"/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/>
              <a:t>Klikk for å legge til dato eller tekst</a:t>
            </a:r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930A423C-F8AE-BBFB-536D-B73793BC10B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924640"/>
            <a:ext cx="4252138" cy="180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tabLst/>
              <a:defRPr sz="900">
                <a:solidFill>
                  <a:schemeClr val="accent2"/>
                </a:solidFill>
              </a:defRPr>
            </a:lvl1pPr>
            <a:lvl2pPr marL="0" indent="0">
              <a:buNone/>
              <a:defRPr sz="900">
                <a:solidFill>
                  <a:schemeClr val="accent2"/>
                </a:solidFill>
              </a:defRPr>
            </a:lvl2pPr>
            <a:lvl3pPr marL="0" indent="0">
              <a:buNone/>
              <a:defRPr sz="900">
                <a:solidFill>
                  <a:schemeClr val="accent2"/>
                </a:solidFill>
              </a:defRPr>
            </a:lvl3pPr>
            <a:lvl4pPr marL="0" indent="0">
              <a:buNone/>
              <a:defRPr sz="900">
                <a:solidFill>
                  <a:schemeClr val="accent2"/>
                </a:solidFill>
              </a:defRPr>
            </a:lvl4pPr>
            <a:lvl5pPr marL="0" indent="0">
              <a:buNone/>
              <a:defRPr sz="900">
                <a:solidFill>
                  <a:schemeClr val="accent2"/>
                </a:solidFill>
              </a:defRPr>
            </a:lvl5pPr>
            <a:lvl6pPr marL="0" indent="0">
              <a:buNone/>
              <a:defRPr sz="900">
                <a:solidFill>
                  <a:schemeClr val="accent2"/>
                </a:solidFill>
              </a:defRPr>
            </a:lvl6pPr>
            <a:lvl7pPr marL="0" indent="0">
              <a:buNone/>
              <a:defRPr sz="900">
                <a:solidFill>
                  <a:schemeClr val="accent2"/>
                </a:solidFill>
              </a:defRPr>
            </a:lvl7pPr>
            <a:lvl8pPr marL="0" indent="0">
              <a:buNone/>
              <a:defRPr sz="900">
                <a:solidFill>
                  <a:schemeClr val="accent2"/>
                </a:solidFill>
              </a:defRPr>
            </a:lvl8pPr>
            <a:lvl9pPr marL="0" indent="0">
              <a:buNone/>
              <a:defRPr sz="900">
                <a:solidFill>
                  <a:schemeClr val="accent2"/>
                </a:solidFill>
              </a:defRPr>
            </a:lvl9pPr>
          </a:lstStyle>
          <a:p>
            <a:pPr lvl="0"/>
            <a:r>
              <a:rPr lang="nb-NO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nb-NO" smtClean="0"/>
              <a:t>2025.08.25</a:t>
            </a:fld>
            <a:endParaRPr lang="nb-NO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nb-NO" smtClean="0"/>
              <a:t>2025.08.25</a:t>
            </a:fld>
            <a:endParaRPr lang="nb-NO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Enter &amp; TAB for å vise neste tekststil       SHIFT+TAB for å vise forrige tekststil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nb-NO" smtClean="0"/>
              <a:t>2025.08.25</a:t>
            </a:fld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Enter &amp; TAB for å vise neste tekststil       SHIFT+TAB for å vise forrige tekststil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1" name="Footer" descr="{&quot;templafy&quot;:{&quot;id&quot;:&quot;208c6e85-2b0e-4fae-88d6-09165a81ba43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nb-NO" smtClean="0"/>
              <a:t>2025.08.25</a:t>
            </a:fld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nb-NO" noProof="0"/>
              <a:t>Klikk for å legge til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nb-NO" smtClean="0"/>
              <a:t>2025.08.25</a:t>
            </a:fld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nb-NO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/>
              <a:t>Klikk på plassholderen og lim inn bilde via </a:t>
            </a:r>
            <a:r>
              <a:rPr lang="nb-NO" err="1"/>
              <a:t>Fotoware</a:t>
            </a:r>
            <a:r>
              <a:rPr lang="nb-NO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nb-NO"/>
              <a:t>Klikk for å legge til tittel, skriv ord med fet skrift for å utheve 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ad81cce-2104-40a0-985c-bac746e763eb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5AFFFF81-EC7A-8358-1CDC-D8B18F76C518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nb-NO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Footer" descr="{&quot;templafy&quot;:{&quot;id&quot;:&quot;59db756d-76f3-4512-b230-bb9b64925aee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fea13a60-6533-42b6-9d0f-fadf0a72b10c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EE9EFDD-4945-4AD5-19E0-F9E6EAD980D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nb-NO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or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Footer" descr="{&quot;templafy&quot;:{&quot;id&quot;:&quot;91dfb2ab-b3b8-4c24-b933-03363ee5bfa2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fe4139f8-c7df-4dbd-a9ae-47ec13f35ad0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BBD50156-7490-8495-F9FA-044BB7F5AC0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nb-NO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Footer" descr="{&quot;templafy&quot;:{&quot;id&quot;:&quot;2737f3f2-62b5-4090-85e6-e974242b4670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a0b74702-c7ae-44e0-89cd-47a57c5cb82b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87E28E9C-5D88-64F1-A81B-3BA77C2D24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nb-NO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4" name="Footer" descr="{&quot;templafy&quot;:{&quot;id&quot;:&quot;ab62d7d9-2822-4bc1-ab6b-7e0c8412506f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5.08.25</a:t>
            </a:fld>
            <a:endParaRPr lang="nb-NO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BFAC89F-184B-C3FE-F986-565C7A275C4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4B1A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837676E3-6F62-FD73-2C1B-39F07D2AFD0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9216125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nb-NO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/>
              <a:t>01.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25" name="Footer dynamisk" descr="{&quot;templafy&quot;:{&quot;id&quot;:&quot;6528f6c6-4878-482b-b70f-a00095be967a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6B35BF3C-8866-77CB-0180-B34C0CD804A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93608" y="3372772"/>
            <a:ext cx="1422472" cy="2482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618857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nb-NO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nb-NO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nb-NO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310533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nb-NO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kern="120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nb-NO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49081" y="499996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nb-NO" sz="3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310533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310533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34940" y="2030081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159996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977596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132524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1293191" y="2479232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93191" y="3396148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700731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nb-NO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256543" y="2717268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821397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994696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320703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>
                <a:solidFill>
                  <a:schemeClr val="tx1"/>
                </a:solidFill>
              </a:rPr>
              <a:t>If you see any </a:t>
            </a:r>
            <a:r>
              <a:rPr lang="nb-NO" sz="4400" b="1" i="1" noProof="0">
                <a:solidFill>
                  <a:schemeClr val="tx1"/>
                </a:solidFill>
              </a:rPr>
              <a:t>layouts after this </a:t>
            </a:r>
            <a:r>
              <a:rPr lang="nb-NO" sz="4400" b="0" i="0" noProof="0">
                <a:solidFill>
                  <a:schemeClr val="tx1"/>
                </a:solidFill>
              </a:rPr>
              <a:t>one</a:t>
            </a:r>
            <a:r>
              <a:rPr lang="nb-NO" sz="4400" b="1" i="1" noProof="0">
                <a:solidFill>
                  <a:schemeClr val="tx1"/>
                </a:solidFill>
              </a:rPr>
              <a:t>,</a:t>
            </a:r>
            <a:br>
              <a:rPr lang="nb-NO" sz="4400" b="0" i="0" noProof="0">
                <a:solidFill>
                  <a:schemeClr val="tx1"/>
                </a:solidFill>
              </a:rPr>
            </a:br>
            <a:r>
              <a:rPr lang="nb-NO" sz="4400" b="0" noProof="0">
                <a:solidFill>
                  <a:schemeClr val="tx1"/>
                </a:solidFill>
              </a:rPr>
              <a:t>do not use them. These layouts </a:t>
            </a:r>
            <a:r>
              <a:rPr lang="nb-NO" sz="4400" b="1" i="1" u="none" noProof="0">
                <a:solidFill>
                  <a:schemeClr val="tx1"/>
                </a:solidFill>
              </a:rPr>
              <a:t>are not </a:t>
            </a:r>
            <a:r>
              <a:rPr lang="nb-NO" sz="4400" b="0" noProof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>
                <a:solidFill>
                  <a:schemeClr val="tx1"/>
                </a:solidFill>
              </a:rPr>
            </a:br>
            <a:br>
              <a:rPr lang="nb-NO" sz="2800" b="0" noProof="0">
                <a:solidFill>
                  <a:schemeClr val="tx1"/>
                </a:solidFill>
              </a:rPr>
            </a:br>
            <a:endParaRPr lang="nb-NO" sz="2800" b="0" noProof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>
                <a:solidFill>
                  <a:schemeClr val="tx1"/>
                </a:solidFill>
              </a:rPr>
              <a:t>Do not use </a:t>
            </a:r>
            <a:endParaRPr lang="nb-NO" sz="2400" b="1" i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>
                <a:solidFill>
                  <a:schemeClr val="tx1"/>
                </a:solidFill>
              </a:rPr>
            </a:br>
            <a:endParaRPr lang="nb-NO" sz="1800" b="0" noProof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nb-NO" smtClean="0"/>
              <a:t>25. august 2025</a:t>
            </a:fld>
            <a:endParaRPr lang="nb-NO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59="http://schemas.microsoft.com/office/powerpoint/2015/09/main" Requires="p159">
      <p:transition spd="slow">
        <p159:morph option="byObject"/>
      </p:transition>
    </mc:Choice>
    <mc:Fallback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5.08.25</a:t>
            </a:fld>
            <a:endParaRPr lang="nb-NO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E0C48FDD-2D1D-7FFE-5B8B-06D7D823A44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FFC9B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68D7CCE5-C35C-50B0-823C-477A3BF6031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9216125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nb-NO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/>
              <a:t>01.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25" name="Footer dynamisk" descr="{&quot;templafy&quot;:{&quot;id&quot;:&quot;b74327e7-8b59-46a2-a302-f9c04ead024a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5.08.25</a:t>
            </a:fld>
            <a:endParaRPr lang="nb-NO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2DDD123D-50B3-5A7F-65F4-6459C97D4A6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3A001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070F7C31-4716-DAC3-045D-F1F0326F921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4B1A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8B5DC9EC-2E01-3AE3-8728-38CD54C15A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714178"/>
            <a:ext cx="8046263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54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nb-NO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59600" y="1767405"/>
            <a:ext cx="1344564" cy="830997"/>
          </a:xfrm>
        </p:spPr>
        <p:txBody>
          <a:bodyPr wrap="square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 spc="-150" baseline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None/>
              <a:defRPr sz="5400" b="1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nb-NO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5.08.25</a:t>
            </a:fld>
            <a:endParaRPr lang="nb-NO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2DDD123D-50B3-5A7F-65F4-6459C97D4A6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err="1">
              <a:noFill/>
            </a:endParaRPr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070F7C31-4716-DAC3-045D-F1F0326F921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white">
          <a:xfrm>
            <a:off x="6892320" y="0"/>
            <a:ext cx="5300880" cy="6858000"/>
          </a:xfrm>
          <a:custGeom>
            <a:avLst/>
            <a:gdLst>
              <a:gd name="connsiteX0" fmla="*/ 0 w 5300880"/>
              <a:gd name="connsiteY0" fmla="*/ 0 h 6858000"/>
              <a:gd name="connsiteX1" fmla="*/ 5300880 w 5300880"/>
              <a:gd name="connsiteY1" fmla="*/ 0 h 6858000"/>
              <a:gd name="connsiteX2" fmla="*/ 5300880 w 5300880"/>
              <a:gd name="connsiteY2" fmla="*/ 6858000 h 6858000"/>
              <a:gd name="connsiteX3" fmla="*/ 2228299 w 5300880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300880" h="6858000">
                <a:moveTo>
                  <a:pt x="0" y="0"/>
                </a:moveTo>
                <a:lnTo>
                  <a:pt x="5300880" y="0"/>
                </a:lnTo>
                <a:lnTo>
                  <a:pt x="5300880" y="6858000"/>
                </a:lnTo>
                <a:lnTo>
                  <a:pt x="2228299" y="6858000"/>
                </a:lnTo>
                <a:close/>
              </a:path>
            </a:pathLst>
          </a:custGeom>
          <a:solidFill>
            <a:srgbClr val="FFC9B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b-NO" sz="100" noProof="0" err="1">
              <a:noFill/>
            </a:endParaRP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8B5DC9EC-2E01-3AE3-8728-38CD54C15AB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714178"/>
            <a:ext cx="8046263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54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nb-NO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59600" y="1767405"/>
            <a:ext cx="1344564" cy="830997"/>
          </a:xfrm>
        </p:spPr>
        <p:txBody>
          <a:bodyPr wrap="square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 spc="-150" baseline="0">
                <a:solidFill>
                  <a:schemeClr val="accent2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5400" b="1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buNone/>
              <a:defRPr sz="5400" b="1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nb-NO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4931059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nb-NO" smtClean="0"/>
              <a:t>2025.08.25</a:t>
            </a:fld>
            <a:endParaRPr lang="nb-NO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nb-NO" smtClean="0"/>
              <a:t>2025.08.25</a:t>
            </a:fld>
            <a:endParaRPr lang="nb-NO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nb-NO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nb-NO" smtClean="0"/>
              <a:pPr/>
              <a:t>2025.08.25</a:t>
            </a:fld>
            <a:endParaRPr lang="nb-NO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nb-NO"/>
          </a:p>
        </p:txBody>
      </p:sp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/>
              <a:t>Second level</a:t>
            </a:r>
            <a:endParaRPr lang="nb-NO"/>
          </a:p>
          <a:p>
            <a:pPr lvl="2"/>
            <a:r>
              <a:rPr lang="nb-NO" noProof="0"/>
              <a:t>Third level</a:t>
            </a:r>
            <a:endParaRPr lang="nb-NO"/>
          </a:p>
          <a:p>
            <a:pPr lvl="3"/>
            <a:r>
              <a:rPr lang="nb-NO" noProof="0"/>
              <a:t>Fourth level</a:t>
            </a:r>
            <a:endParaRPr lang="nb-NO"/>
          </a:p>
          <a:p>
            <a:pPr lvl="4"/>
            <a:r>
              <a:rPr lang="nb-NO" noProof="0"/>
              <a:t>Fifth level</a:t>
            </a:r>
            <a:endParaRPr lang="nb-NO"/>
          </a:p>
          <a:p>
            <a:pPr lvl="5"/>
            <a:r>
              <a:rPr lang="nb-NO" noProof="0"/>
              <a:t>6 level</a:t>
            </a:r>
            <a:endParaRPr lang="nb-NO"/>
          </a:p>
          <a:p>
            <a:pPr lvl="6"/>
            <a:r>
              <a:rPr lang="nb-NO" noProof="0"/>
              <a:t>7 level</a:t>
            </a:r>
            <a:endParaRPr lang="nb-NO"/>
          </a:p>
          <a:p>
            <a:pPr lvl="7"/>
            <a:r>
              <a:rPr lang="nb-NO" noProof="0"/>
              <a:t>8 level</a:t>
            </a:r>
            <a:endParaRPr lang="nb-NO"/>
          </a:p>
          <a:p>
            <a:pPr lvl="8"/>
            <a:r>
              <a:rPr lang="nb-NO" noProof="0"/>
              <a:t>9 level</a:t>
            </a:r>
            <a:endParaRPr lang="nb-NO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7" name="Footer dynamisk" descr="{&quot;templafy&quot;:{&quot;id&quot;:&quot;9ac12af5-df21-41d2-8354-279c239b6798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err="1">
              <a:solidFill>
                <a:schemeClr val="tx1"/>
              </a:solidFill>
            </a:endParaRP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9F3013B1-CB2F-9885-BADA-A0459C706423}"/>
              </a:ext>
            </a:extLst>
          </p:cNvPr>
          <p:cNvPicPr>
            <a:picLocks noChangeAspect="1"/>
          </p:cNvPicPr>
          <p:nvPr userDrawn="1"/>
        </p:nvPicPr>
        <p:blipFill>
          <a:blip r:embed="rId44">
            <a:extLs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11045474" y="6427838"/>
            <a:ext cx="612000" cy="1068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879" r:id="rId4"/>
    <p:sldLayoutId id="2147483740" r:id="rId5"/>
    <p:sldLayoutId id="2147483865" r:id="rId6"/>
    <p:sldLayoutId id="2147483880" r:id="rId7"/>
    <p:sldLayoutId id="2147483692" r:id="rId8"/>
    <p:sldLayoutId id="2147483782" r:id="rId9"/>
    <p:sldLayoutId id="2147483787" r:id="rId10"/>
    <p:sldLayoutId id="2147483829" r:id="rId11"/>
    <p:sldLayoutId id="2147483859" r:id="rId12"/>
    <p:sldLayoutId id="2147483861" r:id="rId13"/>
    <p:sldLayoutId id="2147483826" r:id="rId14"/>
    <p:sldLayoutId id="2147483828" r:id="rId15"/>
    <p:sldLayoutId id="2147483831" r:id="rId16"/>
    <p:sldLayoutId id="2147483833" r:id="rId17"/>
    <p:sldLayoutId id="2147483851" r:id="rId18"/>
    <p:sldLayoutId id="2147483882" r:id="rId19"/>
    <p:sldLayoutId id="2147483786" r:id="rId20"/>
    <p:sldLayoutId id="2147483794" r:id="rId21"/>
    <p:sldLayoutId id="2147483796" r:id="rId22"/>
    <p:sldLayoutId id="2147483881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20" r:id="rId37"/>
    <p:sldLayoutId id="2147483854" r:id="rId38"/>
    <p:sldLayoutId id="2147483867" r:id="rId39"/>
    <p:sldLayoutId id="2147483797" r:id="rId40"/>
    <p:sldLayoutId id="2147483850" r:id="rId41"/>
    <p:sldLayoutId id="2147483869" r:id="rId42"/>
  </p:sldLayoutIdLst>
  <mc:AlternateContent xmlns:mc="http://schemas.openxmlformats.org/markup-compatibility/2006">
    <mc:Choice xmlns:p159="http://schemas.microsoft.com/office/powerpoint/2015/09/main" Requires="p159">
      <p:transition spd="slow">
        <p159:morph option="byObject"/>
      </p:transition>
    </mc:Choice>
    <mc:Fallback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4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hyperlink" Target="https://hms.veidekke.no/se-hms-ukefilmen-2025/" TargetMode="External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hyperlink" Target="https://hms.veidekke.no/" TargetMode="External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slideLayout" Target="../slideLayouts/slideLayout23.xml"/><Relationship Id="rId1" Type="http://schemas.openxmlformats.org/officeDocument/2006/relationships/tags" Target="../tags/tag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slideLayout" Target="../slideLayouts/slideLayout23.xml"/><Relationship Id="rId1" Type="http://schemas.openxmlformats.org/officeDocument/2006/relationships/tags" Target="../tags/tag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slideLayout" Target="../slideLayouts/slideLayout23.xml"/><Relationship Id="rId1" Type="http://schemas.openxmlformats.org/officeDocument/2006/relationships/tags" Target="../tags/tag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noProof="0" smtClean="0"/>
              <a:pPr/>
              <a:t>1</a:t>
            </a:fld>
            <a:endParaRPr lang="nb-NO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8F0A6BD-7FA6-96E7-55E1-63A791BED0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4800" noProof="0"/>
              <a:t>Veidekkes </a:t>
            </a:r>
            <a:br>
              <a:rPr lang="nb-NO" sz="4800" noProof="0"/>
            </a:br>
            <a:r>
              <a:rPr lang="nb-NO" sz="4800" noProof="0"/>
              <a:t>HMS-uke 2025</a:t>
            </a:r>
            <a:endParaRPr lang="nb-NO" sz="6600" noProof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4E34C05-A391-6B1E-A308-69630F68FFC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nb-NO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E56C56F-1EF6-A883-E7EF-AD8839D7405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nb-NO" noProof="0"/>
          </a:p>
        </p:txBody>
      </p:sp>
      <p:pic>
        <p:nvPicPr>
          <p:cNvPr id="3" name="Plassholder for bilde 2" descr="Et bilde som inneholder tekst, Menneskeansikt, klær, hjelm&#10;&#10;KI-generert innhold kan være feil.">
            <a:extLst>
              <a:ext uri="{FF2B5EF4-FFF2-40B4-BE49-F238E27FC236}">
                <a16:creationId xmlns:a16="http://schemas.microsoft.com/office/drawing/2014/main" id="{12E45AB0-1267-35C3-4F69-C79DBE8E4A73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68"/>
          <a:stretch>
            <a:fillRect/>
          </a:stretch>
        </p:blipFill>
        <p:spPr>
          <a:xfrm>
            <a:off x="5281613" y="0"/>
            <a:ext cx="6910387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07244B6B-B21F-3DB0-0ADF-B577FF96217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0</a:t>
            </a:fld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A774A83B-F0D3-C7E7-02C2-3A5BF3BEBB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Se </a:t>
            </a:r>
            <a:r>
              <a:rPr lang="nb-NO">
                <a:hlinkClick r:id="rId2"/>
              </a:rPr>
              <a:t>HMS-ukefilmen</a:t>
            </a:r>
            <a:r>
              <a:rPr lang="nb-NO"/>
              <a:t> sammen nå</a:t>
            </a:r>
          </a:p>
        </p:txBody>
      </p:sp>
    </p:spTree>
    <p:extLst>
      <p:ext uri="{BB962C8B-B14F-4D97-AF65-F5344CB8AC3E}">
        <p14:creationId xmlns:p14="http://schemas.microsoft.com/office/powerpoint/2010/main" val="33554038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E8E7D61-570F-01D2-6091-8C2BC4C345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>
            <a:extLst>
              <a:ext uri="{FF2B5EF4-FFF2-40B4-BE49-F238E27FC236}">
                <a16:creationId xmlns:a16="http://schemas.microsoft.com/office/drawing/2014/main" id="{03981D7C-8EF4-D1E3-BC71-041E8CA817C3}"/>
              </a:ext>
            </a:extLst>
          </p:cNvPr>
          <p:cNvSpPr/>
          <p:nvPr/>
        </p:nvSpPr>
        <p:spPr>
          <a:xfrm>
            <a:off x="9829800" y="0"/>
            <a:ext cx="2362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AF50C41F-230E-6231-244B-87BA00C2D8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Refleksjonsoppgaver etter filmen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4C239EB-F0C9-4ED8-E4A3-8D191A3F026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1</a:t>
            </a:fld>
            <a:endParaRPr lang="nb-NO"/>
          </a:p>
        </p:txBody>
      </p:sp>
      <p:sp>
        <p:nvSpPr>
          <p:cNvPr id="7" name="Plassholder for innhold 3">
            <a:extLst>
              <a:ext uri="{FF2B5EF4-FFF2-40B4-BE49-F238E27FC236}">
                <a16:creationId xmlns:a16="http://schemas.microsoft.com/office/drawing/2014/main" id="{0BFFCC09-7AAC-E711-F715-E66CF341B0A6}"/>
              </a:ext>
            </a:extLst>
          </p:cNvPr>
          <p:cNvSpPr txBox="1">
            <a:spLocks/>
          </p:cNvSpPr>
          <p:nvPr/>
        </p:nvSpPr>
        <p:spPr>
          <a:xfrm>
            <a:off x="539998" y="1944064"/>
            <a:ext cx="8403279" cy="434502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+mj-lt"/>
              <a:buAutoNum type="arabicPeriod"/>
            </a:pPr>
            <a:r>
              <a:rPr lang="nb-NO"/>
              <a:t>Hvilken fysisk eller kjemisk risiko utsettes du for i din arbeidshverdag? Påvirkes du for eksempel av støy, støv, kjemikalier, fysisk belastning, statisk arbeid eller stillesitting? Hvordan påvirker dette helsesituasjonen din på kort og lang sikt?</a:t>
            </a:r>
          </a:p>
          <a:p>
            <a:pPr marL="342900" indent="-342900">
              <a:buFont typeface="+mj-lt"/>
              <a:buAutoNum type="arabicPeriod"/>
            </a:pPr>
            <a:endParaRPr lang="nb-NO"/>
          </a:p>
          <a:p>
            <a:pPr marL="342900" indent="-342900">
              <a:buFont typeface="+mj-lt"/>
              <a:buAutoNum type="arabicPeriod"/>
            </a:pPr>
            <a:r>
              <a:rPr lang="nb-NO"/>
              <a:t>Hvordan kan du fjerne eller redusere risikoen for sykdom eller slitasjeskader i hverdagen din? Tenk på hele prosessen fra planlegging og innkjøp til gjennomføring.</a:t>
            </a:r>
          </a:p>
          <a:p>
            <a:pPr marL="342900" indent="-342900">
              <a:buFont typeface="+mj-lt"/>
              <a:buAutoNum type="arabicPeriod" startAt="3"/>
            </a:pPr>
            <a:endParaRPr lang="nb-NO"/>
          </a:p>
          <a:p>
            <a:pPr marL="342900" indent="-342900">
              <a:buFont typeface="+mj-lt"/>
              <a:buAutoNum type="arabicPeriod" startAt="3"/>
            </a:pPr>
            <a:r>
              <a:rPr lang="nb-NO"/>
              <a:t>Hvilken indre stemme hører </a:t>
            </a:r>
            <a:r>
              <a:rPr lang="nb-NO" i="1"/>
              <a:t>du</a:t>
            </a:r>
            <a:r>
              <a:rPr lang="nb-NO"/>
              <a:t> som regel på? Hva hindrer oss i å ta de rette valgene når vi står i situasjoner der vi må velge fremgangsmåte? </a:t>
            </a:r>
            <a:br>
              <a:rPr lang="nb-NO" sz="1400">
                <a:solidFill>
                  <a:schemeClr val="accent2"/>
                </a:solidFill>
                <a:latin typeface="Veidekke Favorit Offc"/>
              </a:rPr>
            </a:br>
            <a:endParaRPr lang="nb-NO" sz="1400"/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1400" b="1">
              <a:solidFill>
                <a:schemeClr val="accent2"/>
              </a:solidFill>
            </a:endParaRPr>
          </a:p>
        </p:txBody>
      </p:sp>
      <p:sp>
        <p:nvSpPr>
          <p:cNvPr id="9" name="Undertittel 8">
            <a:extLst>
              <a:ext uri="{FF2B5EF4-FFF2-40B4-BE49-F238E27FC236}">
                <a16:creationId xmlns:a16="http://schemas.microsoft.com/office/drawing/2014/main" id="{6C18C353-CF06-1F93-F0E5-DB1694CD46FB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540000" y="1119601"/>
            <a:ext cx="9404100" cy="500400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nb-NO" sz="1600" kern="100">
                <a:ea typeface="Calibri" panose="020F0502020204030204" pitchFamily="34" charset="0"/>
                <a:cs typeface="Times New Roman" panose="02020603050405020304" pitchFamily="18" charset="0"/>
              </a:rPr>
              <a:t>Gjennomfør refleksjonsoppgavene i mindre grupper. Gå sammen to og to eller tre og tre. Diskuter deretter svarene i plenum.</a:t>
            </a:r>
            <a:endParaRPr lang="nb-NO" sz="2000">
              <a:solidFill>
                <a:schemeClr val="tx2"/>
              </a:solidFill>
            </a:endParaRPr>
          </a:p>
        </p:txBody>
      </p:sp>
      <p:sp>
        <p:nvSpPr>
          <p:cNvPr id="4" name="TekstSylinder 3">
            <a:extLst>
              <a:ext uri="{FF2B5EF4-FFF2-40B4-BE49-F238E27FC236}">
                <a16:creationId xmlns:a16="http://schemas.microsoft.com/office/drawing/2014/main" id="{573FA379-5A82-47D3-B8AE-DC2B74AEC311}"/>
              </a:ext>
            </a:extLst>
          </p:cNvPr>
          <p:cNvSpPr txBox="1"/>
          <p:nvPr/>
        </p:nvSpPr>
        <p:spPr>
          <a:xfrm>
            <a:off x="10111514" y="1944064"/>
            <a:ext cx="1641226" cy="2431435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z="1200">
                <a:solidFill>
                  <a:schemeClr val="bg2"/>
                </a:solidFill>
              </a:rPr>
              <a:t>Støy 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z="1200">
                <a:solidFill>
                  <a:schemeClr val="bg2"/>
                </a:solidFill>
              </a:rPr>
              <a:t>Vibrasjoner 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z="1200">
                <a:solidFill>
                  <a:schemeClr val="bg2"/>
                </a:solidFill>
              </a:rPr>
              <a:t>Støv og partikler 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z="1200">
                <a:solidFill>
                  <a:schemeClr val="bg2"/>
                </a:solidFill>
              </a:rPr>
              <a:t>Tunge løft, ergonomisk belastning, stillesitting 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z="1200">
                <a:solidFill>
                  <a:schemeClr val="bg2"/>
                </a:solidFill>
              </a:rPr>
              <a:t>Eksponering for farlige kjemiske og biologiske stoffer</a:t>
            </a:r>
          </a:p>
        </p:txBody>
      </p:sp>
    </p:spTree>
    <p:extLst>
      <p:ext uri="{BB962C8B-B14F-4D97-AF65-F5344CB8AC3E}">
        <p14:creationId xmlns:p14="http://schemas.microsoft.com/office/powerpoint/2010/main" val="192618629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D4BEAD5B-A41B-0F7A-C4D1-DB0ED14C014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2</a:t>
            </a:fld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89CB35D6-D1DC-5381-BA70-D43793AB20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59600" y="2714178"/>
            <a:ext cx="7557086" cy="2355934"/>
          </a:xfrm>
        </p:spPr>
        <p:txBody>
          <a:bodyPr/>
          <a:lstStyle/>
          <a:p>
            <a:r>
              <a:rPr lang="nb-NO" sz="4800"/>
              <a:t>Les mer om arbeidsmiljø og arbeidshelse på </a:t>
            </a:r>
            <a:r>
              <a:rPr lang="nb-NO" sz="4800">
                <a:hlinkClick r:id="rId2"/>
              </a:rPr>
              <a:t>hms.veidekke.no</a:t>
            </a:r>
            <a:endParaRPr lang="nb-NO" sz="4800"/>
          </a:p>
        </p:txBody>
      </p:sp>
      <p:pic>
        <p:nvPicPr>
          <p:cNvPr id="6" name="Bilde 5" descr="Et bilde som inneholder mønster, kvadrat, piksel, design&#10;&#10;KI-generert innhold kan være feil.">
            <a:extLst>
              <a:ext uri="{FF2B5EF4-FFF2-40B4-BE49-F238E27FC236}">
                <a16:creationId xmlns:a16="http://schemas.microsoft.com/office/drawing/2014/main" id="{4A76019A-E393-5411-B611-BDA1FA684C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73013" y="2714178"/>
            <a:ext cx="2059387" cy="20593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593284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3980875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552FA43D-3C62-939D-43AE-B5F2BB2F0022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D00A144D-C56D-8D29-D25C-D39C12C9BD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4632076" cy="1065600"/>
          </a:xfrm>
        </p:spPr>
        <p:txBody>
          <a:bodyPr/>
          <a:lstStyle/>
          <a:p>
            <a:r>
              <a:rPr lang="nb-NO"/>
              <a:t>Hva er Veidekkes HMS-uke?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972335BD-63C8-13C8-80B4-2DC3057B28D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65450" cy="4107600"/>
          </a:xfrm>
        </p:spPr>
        <p:txBody>
          <a:bodyPr/>
          <a:lstStyle/>
          <a:p>
            <a:pPr marL="0" indent="0">
              <a:buNone/>
            </a:pPr>
            <a:r>
              <a:rPr lang="nb-NO"/>
              <a:t>Veidekkes HMS-uke er et årlig arrangement der vi setter temaer knyttet til helse, arbeidsmiljø og sikkerhet i sentrum.</a:t>
            </a:r>
          </a:p>
          <a:p>
            <a:pPr marL="0" indent="0">
              <a:buNone/>
            </a:pPr>
            <a:r>
              <a:rPr lang="nb-NO"/>
              <a:t>Hensikten er å legge til rette for at Veidekke skal være en trygg og helsefremmende arbeidsplass.</a:t>
            </a:r>
          </a:p>
          <a:p>
            <a:pPr marL="0" indent="0">
              <a:buNone/>
            </a:pPr>
            <a:r>
              <a:rPr lang="nb-NO"/>
              <a:t>I HMS-uka 2025 tar vi for oss H-en og M-en i HMS, altså helse og arbeidsmiljø. </a:t>
            </a:r>
          </a:p>
          <a:p>
            <a:pPr marL="0" indent="0">
              <a:buNone/>
            </a:pPr>
            <a:r>
              <a:rPr lang="nb-NO"/>
              <a:t>Gjennom uka skal vi reflektere over hvordan valgene våre påvirker egen og andres helse, og se konkret på hvordan vi kan forebygge sykdommer og plager.</a:t>
            </a:r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D255D999-9C69-09E5-A640-C6F0480ED5E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/>
          </a:p>
        </p:txBody>
      </p:sp>
      <p:pic>
        <p:nvPicPr>
          <p:cNvPr id="32" name="Picture Placeholder 4">
            <a:extLst>
              <a:ext uri="{FF2B5EF4-FFF2-40B4-BE49-F238E27FC236}">
                <a16:creationId xmlns:a16="http://schemas.microsoft.com/office/drawing/2014/main" id="{2F3C92C6-FE51-C31C-E015-DE99C29D01FD}"/>
              </a:ext>
            </a:extLst>
          </p:cNvPr>
          <p:cNvPicPr>
            <a:picLocks noGrp="1" noChangeAspect="1"/>
          </p:cNvPicPr>
          <p:nvPr>
            <p:ph type="pic" sz="quarter" idx="23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5281613" y="0"/>
            <a:ext cx="6910387" cy="6858000"/>
          </a:xfrm>
        </p:spPr>
      </p:pic>
    </p:spTree>
    <p:extLst>
      <p:ext uri="{BB962C8B-B14F-4D97-AF65-F5344CB8AC3E}">
        <p14:creationId xmlns:p14="http://schemas.microsoft.com/office/powerpoint/2010/main" val="10259673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D4BB60-3F43-8E93-B265-E89962F1F6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CF30E31-C07E-EBC6-FE04-6AB705A21CF0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EFBD53BB-8A11-0726-20C0-64B8FD90F2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Hva er målene for HMS-uka 2025?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261572C9-E6A0-B5F2-D7F3-966377AB7E4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4884524" cy="4107600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nb-NO"/>
              <a:t>Forebygge </a:t>
            </a:r>
            <a:r>
              <a:rPr lang="nb-NO">
                <a:solidFill>
                  <a:srgbClr val="000000"/>
                </a:solidFill>
              </a:rPr>
              <a:t>sykdommer, helseplager og muskel-skjelettplager som fører til </a:t>
            </a:r>
            <a:r>
              <a:rPr lang="nb-NO"/>
              <a:t>kort- og langtidssykefravær</a:t>
            </a:r>
          </a:p>
          <a:p>
            <a:pPr marL="342900" indent="-342900">
              <a:buFont typeface="+mj-lt"/>
              <a:buAutoNum type="arabicPeriod"/>
            </a:pPr>
            <a:r>
              <a:rPr lang="nb-NO"/>
              <a:t>Alle skal kunne gå av med pensjon uten arbeidsrelaterte sykdommer, skader og plager. </a:t>
            </a:r>
          </a:p>
          <a:p>
            <a:pPr marL="0" indent="0">
              <a:buNone/>
            </a:pPr>
            <a:endParaRPr lang="nb-NO"/>
          </a:p>
          <a:p>
            <a:pPr marL="0" indent="0">
              <a:buNone/>
            </a:pPr>
            <a:r>
              <a:rPr lang="nb-NO"/>
              <a:t>Vi ønsker flere gode arbeidsår for alle.</a:t>
            </a:r>
            <a:endParaRPr lang="nb-NO">
              <a:solidFill>
                <a:schemeClr val="accent1"/>
              </a:solidFill>
            </a:endParaRPr>
          </a:p>
          <a:p>
            <a:pPr marL="342900" indent="-342900">
              <a:buFont typeface="+mj-lt"/>
              <a:buAutoNum type="arabicPeriod"/>
            </a:pPr>
            <a:endParaRPr lang="nb-NO"/>
          </a:p>
          <a:p>
            <a:pPr marL="0" indent="0">
              <a:buNone/>
            </a:pPr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9C5DC9AD-14C9-B8D0-E9D1-F2F1EE0B5C3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3</a:t>
            </a:fld>
            <a:endParaRPr lang="nb-NO"/>
          </a:p>
        </p:txBody>
      </p:sp>
      <p:pic>
        <p:nvPicPr>
          <p:cNvPr id="53" name="Picture Placeholder 9">
            <a:extLst>
              <a:ext uri="{FF2B5EF4-FFF2-40B4-BE49-F238E27FC236}">
                <a16:creationId xmlns:a16="http://schemas.microsoft.com/office/drawing/2014/main" id="{7323FEFF-EA79-C15C-A85E-87381C49706B}"/>
              </a:ext>
            </a:extLst>
          </p:cNvPr>
          <p:cNvPicPr>
            <a:picLocks noGrp="1" noChangeAspect="1"/>
          </p:cNvPicPr>
          <p:nvPr>
            <p:ph type="pic" sz="quarter" idx="23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5281613" y="0"/>
            <a:ext cx="6910387" cy="6858000"/>
          </a:xfrm>
        </p:spPr>
      </p:pic>
    </p:spTree>
    <p:extLst>
      <p:ext uri="{BB962C8B-B14F-4D97-AF65-F5344CB8AC3E}">
        <p14:creationId xmlns:p14="http://schemas.microsoft.com/office/powerpoint/2010/main" val="303197517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263391EB-6E58-E81A-7CFD-25BC3FA53C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Hvordan gjennomføre felles program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7476982C-6902-9972-F7F8-549BB3CD855D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A3A71B06-94D3-70ED-93BC-2DB9857CC20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kern="100">
                <a:ea typeface="Calibri" panose="020F0502020204030204" pitchFamily="34" charset="0"/>
                <a:cs typeface="Times New Roman" panose="02020603050405020304" pitchFamily="18" charset="0"/>
              </a:rPr>
              <a:t>Kort introduksjon til årets tema, bruk gjerne denne PowerPoint-presentasjonen (7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kern="10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kern="100">
                <a:ea typeface="Calibri" panose="020F0502020204030204" pitchFamily="34" charset="0"/>
                <a:cs typeface="Times New Roman" panose="02020603050405020304" pitchFamily="18" charset="0"/>
              </a:rPr>
              <a:t>Spill av årets HMS-ukefilm på storskjerm, eventuelt via mobiltelefonen (8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kern="10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kern="100">
                <a:ea typeface="Calibri" panose="020F0502020204030204" pitchFamily="34" charset="0"/>
                <a:cs typeface="Times New Roman" panose="02020603050405020304" pitchFamily="18" charset="0"/>
              </a:rPr>
              <a:t>Gjennomfør refleksjonsoppgavene i mindre grupper. Gå sammen to og to eller tre og tre. Diskuter deretter svarene i plenum. (Sett av tilstrekkelig med tid – minst 45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kern="10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nb-NO" kern="100">
                <a:ea typeface="Calibri" panose="020F0502020204030204" pitchFamily="34" charset="0"/>
                <a:cs typeface="Times New Roman" panose="02020603050405020304" pitchFamily="18" charset="0"/>
              </a:rPr>
              <a:t>Det felles programmet tar cirka 60 minutter å gjennomføre til sammen. </a:t>
            </a:r>
          </a:p>
          <a:p>
            <a:endParaRPr lang="nb-NO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145AB45C-AD5C-C864-A7AB-66736BE1E05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6604861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91F5324F-E050-AAC4-A7B0-6EFE82298FD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5</a:t>
            </a:fld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92CCC5C6-3F5D-7F26-41DE-F2138DBC45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2800"/>
              <a:t>Årets tema:</a:t>
            </a:r>
            <a:br>
              <a:rPr lang="nb-NO"/>
            </a:br>
            <a:r>
              <a:rPr lang="nb-NO"/>
              <a:t>Arbeidsmiljø og arbeidshelse</a:t>
            </a:r>
          </a:p>
        </p:txBody>
      </p:sp>
      <p:sp>
        <p:nvSpPr>
          <p:cNvPr id="5" name="TekstSylinder 4">
            <a:extLst>
              <a:ext uri="{FF2B5EF4-FFF2-40B4-BE49-F238E27FC236}">
                <a16:creationId xmlns:a16="http://schemas.microsoft.com/office/drawing/2014/main" id="{4D336D60-CBAC-62EE-A081-00C5E0205B47}"/>
              </a:ext>
            </a:extLst>
          </p:cNvPr>
          <p:cNvSpPr txBox="1"/>
          <p:nvPr/>
        </p:nvSpPr>
        <p:spPr>
          <a:xfrm>
            <a:off x="759600" y="5185888"/>
            <a:ext cx="6755897" cy="9079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600"/>
              </a:spcAft>
            </a:pPr>
            <a:r>
              <a:rPr lang="nb-NO"/>
              <a:t>Hvordan kan vi jobbe forebyggende for å skape et arbeidsmiljø som også bidrar til god arbeidshelse?</a:t>
            </a:r>
          </a:p>
          <a:p>
            <a:pPr algn="l">
              <a:spcAft>
                <a:spcPts val="600"/>
              </a:spcAft>
            </a:pPr>
            <a:endParaRPr lang="nb-NO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5587339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8418031-7E8B-CE0A-AA35-AB4E3D7AD7D8}"/>
              </a:ext>
            </a:extLst>
          </p:cNvPr>
          <p:cNvSpPr/>
          <p:nvPr/>
        </p:nvSpPr>
        <p:spPr>
          <a:xfrm>
            <a:off x="345687" y="1801089"/>
            <a:ext cx="11306313" cy="2100351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C6881246-3E8F-3651-EA1F-4A42D9993B18}"/>
              </a:ext>
            </a:extLst>
          </p:cNvPr>
          <p:cNvSpPr/>
          <p:nvPr/>
        </p:nvSpPr>
        <p:spPr>
          <a:xfrm>
            <a:off x="345687" y="4167840"/>
            <a:ext cx="11306313" cy="1675611"/>
          </a:xfrm>
          <a:prstGeom prst="rect">
            <a:avLst/>
          </a:prstGeom>
          <a:solidFill>
            <a:schemeClr val="accent2">
              <a:lumMod val="90000"/>
              <a:lumOff val="1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BFBAF0B2-1599-F0F4-EE51-7F58B93FDA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Hva mener vi med arbeidsmiljø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41F249BB-8C76-D9CF-A4D3-D7049F74FB84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/>
              <a:t>Fire underkategorier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73520DA6-C14A-A2FA-759E-846903E1231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6235269" cy="4107600"/>
          </a:xfrm>
        </p:spPr>
        <p:txBody>
          <a:bodyPr/>
          <a:lstStyle/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Psykososialt arbeidsmiljø </a:t>
            </a:r>
          </a:p>
          <a:p>
            <a:pPr marL="0" indent="0">
              <a:spcAft>
                <a:spcPts val="1200"/>
              </a:spcAft>
              <a:buNone/>
            </a:pPr>
            <a:r>
              <a:rPr lang="nb-NO" sz="1600">
                <a:solidFill>
                  <a:schemeClr val="bg2"/>
                </a:solidFill>
              </a:rPr>
              <a:t>Hvordan vi opplever arbeidssituasjonen og arbeidsinnholdet, og det mellommenneskelige samspillet på jobb. </a:t>
            </a:r>
            <a:endParaRPr lang="nb-NO" b="1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Organisatorisk arbeidsmiljø </a:t>
            </a:r>
          </a:p>
          <a:p>
            <a:pPr marL="0" lvl="1" indent="0">
              <a:spcAft>
                <a:spcPts val="1200"/>
              </a:spcAft>
              <a:buNone/>
            </a:pPr>
            <a:r>
              <a:rPr lang="nb-NO">
                <a:solidFill>
                  <a:schemeClr val="bg2"/>
                </a:solidFill>
              </a:rPr>
              <a:t>Hvordan arbeidet er organisert, tilrettelagt og fordelt mellom oss som kolleger.</a:t>
            </a:r>
            <a:endParaRPr lang="nb-NO" b="1">
              <a:solidFill>
                <a:schemeClr val="bg2"/>
              </a:solidFill>
            </a:endParaRPr>
          </a:p>
          <a:p>
            <a:pPr marL="0" indent="0">
              <a:buNone/>
            </a:pPr>
            <a:endParaRPr lang="nb-NO" b="1"/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Fysisk arbeidsmiljø </a:t>
            </a:r>
          </a:p>
          <a:p>
            <a:pPr marL="0" lvl="1" indent="0">
              <a:spcAft>
                <a:spcPts val="1200"/>
              </a:spcAft>
              <a:buNone/>
            </a:pPr>
            <a:r>
              <a:rPr lang="nb-NO">
                <a:solidFill>
                  <a:schemeClr val="bg2"/>
                </a:solidFill>
              </a:rPr>
              <a:t>Hvordan arbeidet påvirker kroppene våre, både på kort og lang sikt.</a:t>
            </a:r>
            <a:endParaRPr lang="nb-NO" b="1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Kjemisk og biologisk arbeidsmiljø </a:t>
            </a:r>
          </a:p>
          <a:p>
            <a:pPr marL="0" lvl="1" indent="0">
              <a:buNone/>
            </a:pPr>
            <a:r>
              <a:rPr lang="nb-NO">
                <a:solidFill>
                  <a:schemeClr val="bg2"/>
                </a:solidFill>
              </a:rPr>
              <a:t>Om vi eksponeres for kjemiske og biologiske stoffer.</a:t>
            </a:r>
          </a:p>
          <a:p>
            <a:endParaRPr lang="nb-NO">
              <a:solidFill>
                <a:schemeClr val="bg2"/>
              </a:solidFill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42ECC8C0-B3A9-9BA5-83C5-8E2D9BDED0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6</a:t>
            </a:fld>
            <a:endParaRPr lang="nb-NO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BA25EC27-C811-D792-E3A7-ABB3ACFD1E71}"/>
              </a:ext>
            </a:extLst>
          </p:cNvPr>
          <p:cNvSpPr txBox="1"/>
          <p:nvPr/>
        </p:nvSpPr>
        <p:spPr>
          <a:xfrm>
            <a:off x="8041759" y="2445489"/>
            <a:ext cx="185731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chemeClr val="bg2"/>
                </a:solidFill>
              </a:rPr>
              <a:t>Disse punktene jobbet vi med i HMS-uka i 2022</a:t>
            </a:r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887A8CDD-DEEE-3B48-3B88-5D72D528D3EF}"/>
              </a:ext>
            </a:extLst>
          </p:cNvPr>
          <p:cNvSpPr txBox="1"/>
          <p:nvPr/>
        </p:nvSpPr>
        <p:spPr>
          <a:xfrm>
            <a:off x="8041759" y="4539703"/>
            <a:ext cx="185731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600"/>
              </a:spcAft>
            </a:pPr>
            <a:r>
              <a:rPr lang="nb-NO">
                <a:solidFill>
                  <a:schemeClr val="bg2"/>
                </a:solidFill>
              </a:rPr>
              <a:t>Disse punktene skal vi jobbe med i 2025</a:t>
            </a:r>
          </a:p>
        </p:txBody>
      </p:sp>
    </p:spTree>
    <p:extLst>
      <p:ext uri="{BB962C8B-B14F-4D97-AF65-F5344CB8AC3E}">
        <p14:creationId xmlns:p14="http://schemas.microsoft.com/office/powerpoint/2010/main" val="18338107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8" grpId="0" animBg="1"/>
      <p:bldP spid="7" grpId="0"/>
      <p:bldP spid="9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>
            <a:extLst>
              <a:ext uri="{FF2B5EF4-FFF2-40B4-BE49-F238E27FC236}">
                <a16:creationId xmlns:a16="http://schemas.microsoft.com/office/drawing/2014/main" id="{FC342500-1EF1-EE8B-954D-5F1DCC0E5677}"/>
              </a:ext>
            </a:extLst>
          </p:cNvPr>
          <p:cNvSpPr/>
          <p:nvPr/>
        </p:nvSpPr>
        <p:spPr>
          <a:xfrm>
            <a:off x="345687" y="1802674"/>
            <a:ext cx="11306313" cy="4040778"/>
          </a:xfrm>
          <a:prstGeom prst="rect">
            <a:avLst/>
          </a:prstGeom>
          <a:solidFill>
            <a:schemeClr val="accent2">
              <a:lumMod val="90000"/>
              <a:lumOff val="1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5B2A0BE0-475A-3EA7-51B8-E1075C605C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Hva mener vi med arbeidsmiljø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35B84D1C-6E12-385F-2D51-60455D74F83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sz="1800"/>
              <a:t>I årets HMS-uke skal vi identifisere fysiske, kjemiske og biologiske risikofaktorer som kan være med på å påvirke arbeidsmiljø og arbeidshelse</a:t>
            </a:r>
            <a:endParaRPr lang="nb-NO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DC9BE981-E63A-826C-A7AF-72B8BC47B037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 sz="2000" b="1">
                <a:solidFill>
                  <a:schemeClr val="bg2"/>
                </a:solidFill>
              </a:rPr>
              <a:t>Fysiske risikofaktorer</a:t>
            </a:r>
          </a:p>
          <a:p>
            <a:pPr marL="0" indent="0">
              <a:buNone/>
            </a:pPr>
            <a:endParaRPr lang="nb-NO" b="1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Støy: </a:t>
            </a:r>
            <a:r>
              <a:rPr lang="nb-NO">
                <a:solidFill>
                  <a:schemeClr val="bg2"/>
                </a:solidFill>
              </a:rPr>
              <a:t>Langvarig eksponering for høye lydnivåer kan føre til hørselsskader</a:t>
            </a: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Vibrasjoner: </a:t>
            </a:r>
            <a:r>
              <a:rPr lang="nb-NO">
                <a:solidFill>
                  <a:schemeClr val="bg2"/>
                </a:solidFill>
              </a:rPr>
              <a:t>Særlig fra håndholdt verktøy, kan føre til hånd-arm-vibrasjonssyndrom</a:t>
            </a: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Støv og partikler: </a:t>
            </a:r>
            <a:r>
              <a:rPr lang="nb-NO">
                <a:solidFill>
                  <a:schemeClr val="bg2"/>
                </a:solidFill>
              </a:rPr>
              <a:t>Kvartsstøv, asbest, </a:t>
            </a:r>
            <a:r>
              <a:rPr lang="nb-NO" err="1">
                <a:solidFill>
                  <a:schemeClr val="bg2"/>
                </a:solidFill>
              </a:rPr>
              <a:t>trespon</a:t>
            </a:r>
            <a:r>
              <a:rPr lang="nb-NO">
                <a:solidFill>
                  <a:schemeClr val="bg2"/>
                </a:solidFill>
              </a:rPr>
              <a:t>. Støveksponering over tid kan forårsake alvorlige lungesykdommer</a:t>
            </a: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Tunge løft og ergonomisk belastning</a:t>
            </a:r>
            <a:r>
              <a:rPr lang="nb-NO">
                <a:solidFill>
                  <a:schemeClr val="bg2"/>
                </a:solidFill>
              </a:rPr>
              <a:t> (inkludert statisk og stillesittende arbeid): Kan føre til muskel- og skjelettplager og dårlig kondisjon</a:t>
            </a:r>
          </a:p>
          <a:p>
            <a:endParaRPr lang="nb-NO">
              <a:solidFill>
                <a:schemeClr val="bg2"/>
              </a:solidFill>
            </a:endParaRPr>
          </a:p>
        </p:txBody>
      </p:sp>
      <p:sp>
        <p:nvSpPr>
          <p:cNvPr id="5" name="Plassholder for innhold 4">
            <a:extLst>
              <a:ext uri="{FF2B5EF4-FFF2-40B4-BE49-F238E27FC236}">
                <a16:creationId xmlns:a16="http://schemas.microsoft.com/office/drawing/2014/main" id="{F30D7B24-F94A-90B9-CE42-FD9B9172B81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6231599" y="1933200"/>
            <a:ext cx="5133087" cy="4107600"/>
          </a:xfrm>
        </p:spPr>
        <p:txBody>
          <a:bodyPr/>
          <a:lstStyle/>
          <a:p>
            <a:pPr marL="0" indent="0">
              <a:buNone/>
            </a:pPr>
            <a:r>
              <a:rPr lang="nb-NO" sz="2000" b="1">
                <a:solidFill>
                  <a:schemeClr val="bg2"/>
                </a:solidFill>
              </a:rPr>
              <a:t>Kjemiske og biologiske risikofaktorer</a:t>
            </a:r>
          </a:p>
          <a:p>
            <a:pPr marL="0" indent="0">
              <a:buNone/>
            </a:pPr>
            <a:endParaRPr lang="nb-NO" sz="2000" b="1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nb-NO" b="1">
                <a:solidFill>
                  <a:schemeClr val="bg2"/>
                </a:solidFill>
              </a:rPr>
              <a:t>Eksponering for farlige kjemiske stoffer: </a:t>
            </a:r>
            <a:r>
              <a:rPr lang="nb-NO">
                <a:solidFill>
                  <a:schemeClr val="bg2"/>
                </a:solidFill>
              </a:rPr>
              <a:t>Eksponering for løsemidler, maling, lim, betongstøv kan medføre kontaktallergier, hudproblemer og andre mer alvorlige sykdommer</a:t>
            </a:r>
          </a:p>
          <a:p>
            <a:endParaRPr lang="nb-NO">
              <a:solidFill>
                <a:schemeClr val="bg2"/>
              </a:solidFill>
            </a:endParaRPr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5FC54BC7-DC36-0C9B-1BB2-BE0C8074E0C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654789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E2166003-A1A5-1730-2DAD-3B1EB71E8AF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53B0BA32-03B6-03AB-A60A-D0C32E02F8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Hva mener vi med arbeidshelse?</a:t>
            </a:r>
          </a:p>
        </p:txBody>
      </p:sp>
      <p:pic>
        <p:nvPicPr>
          <p:cNvPr id="17" name="Picture Placeholder 3">
            <a:extLst>
              <a:ext uri="{FF2B5EF4-FFF2-40B4-BE49-F238E27FC236}">
                <a16:creationId xmlns:a16="http://schemas.microsoft.com/office/drawing/2014/main" id="{9B83F20F-E1DB-0ED4-E7F9-D3337A4E0058}"/>
              </a:ext>
            </a:extLst>
          </p:cNvPr>
          <p:cNvPicPr>
            <a:picLocks noGrp="1" noChangeAspect="1"/>
          </p:cNvPicPr>
          <p:nvPr>
            <p:ph type="pic" sz="quarter" idx="23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5281613" y="0"/>
            <a:ext cx="6910387" cy="6858000"/>
          </a:xfrm>
        </p:spPr>
      </p:pic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15048FE3-0B43-6D68-E3A7-7B4F018C8D15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 b="1"/>
              <a:t>Arbeidshelse er hvordan arbeidet påvirker helsen til den enkelte.</a:t>
            </a:r>
          </a:p>
          <a:p>
            <a:pPr marL="0" indent="0">
              <a:buNone/>
            </a:pPr>
            <a:r>
              <a:rPr lang="nb-NO"/>
              <a:t>Vi ønsker at Veidekke skal være en trygg og helsefremmende arbeidsplass. Og hver dag tar vi valg som kan påvirke egen og andres helse. </a:t>
            </a:r>
          </a:p>
          <a:p>
            <a:pPr marL="0" indent="0">
              <a:buNone/>
            </a:pPr>
            <a:r>
              <a:rPr lang="nb-NO"/>
              <a:t>Hva bør vi tenke på – på kort og lang sikt – for å forebygge muskel- og skjelettplager og unngå skadelig eksponering?</a:t>
            </a:r>
          </a:p>
          <a:p>
            <a:pPr marL="0" indent="0">
              <a:buNone/>
            </a:pPr>
            <a:r>
              <a:rPr lang="nb-NO"/>
              <a:t>Hvordan kan vi jobbe forebyggende for å skape et helsefremmende arbeidsmiljø?</a:t>
            </a:r>
          </a:p>
          <a:p>
            <a:pPr marL="0" indent="0">
              <a:buNone/>
            </a:pPr>
            <a:endParaRPr lang="nb-NO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7B12AAFB-D1EC-6D73-1512-A4606EA0161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DE9C2030-06FE-964A-69DE-402D68919A5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8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0928652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4FA4644C-C11E-F1F4-A707-E8505D976FF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9</a:t>
            </a:fld>
            <a:endParaRPr lang="nb-NO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DD3A1DF9-A2E5-A1A8-81DD-EFE125CA57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59600" y="2714178"/>
            <a:ext cx="8436651" cy="2355934"/>
          </a:xfrm>
        </p:spPr>
        <p:txBody>
          <a:bodyPr/>
          <a:lstStyle/>
          <a:p>
            <a:r>
              <a:rPr lang="nb-NO" sz="3600"/>
              <a:t>Mange av risikoene knyttet til slitasje og sykdom blir ikke synlige umiddelbart i arbeidsoperasjonen. </a:t>
            </a:r>
            <a:br>
              <a:rPr lang="nb-NO" sz="3600"/>
            </a:br>
            <a:br>
              <a:rPr lang="nb-NO" sz="3600"/>
            </a:br>
            <a:r>
              <a:rPr lang="nb-NO" sz="3600"/>
              <a:t>De kjennes først på kroppen etter lang tids eksponering. </a:t>
            </a:r>
            <a:br>
              <a:rPr lang="nb-NO" sz="3600"/>
            </a:br>
            <a:endParaRPr lang="nb-NO" sz="3600"/>
          </a:p>
        </p:txBody>
      </p:sp>
    </p:spTree>
    <p:extLst>
      <p:ext uri="{BB962C8B-B14F-4D97-AF65-F5344CB8AC3E}">
        <p14:creationId xmlns:p14="http://schemas.microsoft.com/office/powerpoint/2010/main" val="171428746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d0af956b-0b8e-4821-bfc5-3a686c731830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2d1b591b-6d1c-43dd-865a-00cb1a1ece3b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2e4c34bc-40ba-4624-aa5e-d25060afa472.jpeg"/>
</p:tagLst>
</file>

<file path=ppt/theme/theme1.xml><?xml version="1.0" encoding="utf-8"?>
<a:theme xmlns:a="http://schemas.openxmlformats.org/drawingml/2006/main" name="Blank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2024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mc95744479d24e88a993b01b2952fb12 xmlns="884da6ee-ee1f-4cee-81b7-d079beb9020d">
      <Terms xmlns="http://schemas.microsoft.com/office/infopath/2007/PartnerControls">
        <TermInfo xmlns="http://schemas.microsoft.com/office/infopath/2007/PartnerControls">
          <TermName xmlns="http://schemas.microsoft.com/office/infopath/2007/PartnerControls">Konsern</TermName>
          <TermId xmlns="http://schemas.microsoft.com/office/infopath/2007/PartnerControls">74375cae-8c5b-4f23-9737-a1074b6f6932</TermId>
        </TermInfo>
      </Terms>
    </mc95744479d24e88a993b01b2952fb12>
    <TaxCatchAll xmlns="884da6ee-ee1f-4cee-81b7-d079beb9020d">
      <Value>2</Value>
      <Value>1</Value>
    </TaxCatchAll>
    <a063ae0ea81541cba35606fe2622259b xmlns="884da6ee-ee1f-4cee-81b7-d079beb9020d">
      <Terms xmlns="http://schemas.microsoft.com/office/infopath/2007/PartnerControls">
        <TermInfo xmlns="http://schemas.microsoft.com/office/infopath/2007/PartnerControls">
          <TermName xmlns="http://schemas.microsoft.com/office/infopath/2007/PartnerControls">Norge</TermName>
          <TermId xmlns="http://schemas.microsoft.com/office/infopath/2007/PartnerControls">eeab8bf1-76d1-4f92-aee9-f4aa0915eacc</TermId>
        </TermInfo>
      </Terms>
    </a063ae0ea81541cba35606fe2622259b>
    <lcf76f155ced4ddcb4097134ff3c332f xmlns="aeda763a-b8db-43e0-9e22-da126f4d67b8">
      <Terms xmlns="http://schemas.microsoft.com/office/infopath/2007/PartnerControls"/>
    </lcf76f155ced4ddcb4097134ff3c332f>
  </documentManagement>
</p:properties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D0DA606B66FFF4C9BBBE9794B95F31A" ma:contentTypeVersion="18" ma:contentTypeDescription="Opprett et nytt dokument." ma:contentTypeScope="" ma:versionID="7b219a645efe0b192bd4ebddeee7e116">
  <xsd:schema xmlns:xsd="http://www.w3.org/2001/XMLSchema" xmlns:xs="http://www.w3.org/2001/XMLSchema" xmlns:p="http://schemas.microsoft.com/office/2006/metadata/properties" xmlns:ns2="884da6ee-ee1f-4cee-81b7-d079beb9020d" xmlns:ns3="aeda763a-b8db-43e0-9e22-da126f4d67b8" targetNamespace="http://schemas.microsoft.com/office/2006/metadata/properties" ma:root="true" ma:fieldsID="4b96b7132f9c0745bae88ec09290ef9c" ns2:_="" ns3:_="">
    <xsd:import namespace="884da6ee-ee1f-4cee-81b7-d079beb9020d"/>
    <xsd:import namespace="aeda763a-b8db-43e0-9e22-da126f4d67b8"/>
    <xsd:element name="properties">
      <xsd:complexType>
        <xsd:sequence>
          <xsd:element name="documentManagement">
            <xsd:complexType>
              <xsd:all>
                <xsd:element ref="ns2:a063ae0ea81541cba35606fe2622259b" minOccurs="0"/>
                <xsd:element ref="ns2:TaxCatchAll" minOccurs="0"/>
                <xsd:element ref="ns2:mc95744479d24e88a993b01b2952fb12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LengthInSeconds" minOccurs="0"/>
                <xsd:element ref="ns3:lcf76f155ced4ddcb4097134ff3c332f" minOccurs="0"/>
                <xsd:element ref="ns3:MediaServiceGenerationTime" minOccurs="0"/>
                <xsd:element ref="ns3:MediaServiceEventHashCode" minOccurs="0"/>
                <xsd:element ref="ns3:MediaServiceObjectDetectorVersions" minOccurs="0"/>
                <xsd:element ref="ns3:MediaServiceSearchProperties" minOccurs="0"/>
                <xsd:element ref="ns2:SharedWithUsers" minOccurs="0"/>
                <xsd:element ref="ns2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4da6ee-ee1f-4cee-81b7-d079beb9020d" elementFormDefault="qualified">
    <xsd:import namespace="http://schemas.microsoft.com/office/2006/documentManagement/types"/>
    <xsd:import namespace="http://schemas.microsoft.com/office/infopath/2007/PartnerControls"/>
    <xsd:element name="a063ae0ea81541cba35606fe2622259b" ma:index="9" nillable="true" ma:taxonomy="true" ma:internalName="a063ae0ea81541cba35606fe2622259b" ma:taxonomyFieldName="VD_Country" ma:displayName="Country" ma:fieldId="{a063ae0e-a815-41cb-a356-06fe2622259b}" ma:sspId="dc6d2205-f549-40ef-94bf-1bd95fe0bdba" ma:termSetId="40cf488b-91d2-4014-b51e-fa5dfd8beb3e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9c14b47a-8418-45d3-aaa2-de78bbd358c6}" ma:internalName="TaxCatchAll" ma:showField="CatchAllData" ma:web="884da6ee-ee1f-4cee-81b7-d079beb9020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mc95744479d24e88a993b01b2952fb12" ma:index="12" nillable="true" ma:taxonomy="true" ma:internalName="mc95744479d24e88a993b01b2952fb12" ma:taxonomyFieldName="VD_Organization" ma:displayName="Organization" ma:fieldId="{6c957444-79d2-4e88-a993-b01b2952fb12}" ma:sspId="dc6d2205-f549-40ef-94bf-1bd95fe0bdba" ma:termSetId="4de6bab4-212f-4f17-b273-1d73b191953c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SharedWithUsers" ma:index="2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da763a-b8db-43e0-9e22-da126f4d67b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6" nillable="true" ma:displayName="Tags" ma:internalName="MediaServiceAutoTags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Bildemerkelapper" ma:readOnly="false" ma:fieldId="{5cf76f15-5ced-4ddc-b409-7134ff3c332f}" ma:taxonomyMulti="true" ma:sspId="dc6d2205-f549-40ef-94bf-1bd95fe0bdb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documentContentValidatorConfiguration":{"enableDocumentContentValidator":false,"documentContentValidatorVersion":0},"elementsMetadata":[],"slideId":"638699636305771813","enableDocumentContentUpdater":true,"version":"1.9"}]]></TemplafySlideTemplateConfiguration>
</file>

<file path=customXml/item6.xml><?xml version="1.0" encoding="utf-8"?>
<TemplafyTemplateConfiguration><![CDATA[{"elementsMetadata":[{"type":"shape","id":"9ac12af5-df21-41d2-8354-279c239b6798","elementConfiguration":{"binding":"Form.Footer","disableUpdates":false,"type":"text"}},{"type":"shape","id":"a0b74702-c7ae-44e0-89cd-47a57c5cb82b","elementConfiguration":{"format":"{{DateFormats.GeneralDate}}","binding":"Form.Date","disableUpdates":false,"type":"date"}},{"type":"shape","id":"ab62d7d9-2822-4bc1-ab6b-7e0c8412506f","elementConfiguration":{"binding":"Form.Footer","disableUpdates":false,"type":"text"}},{"type":"shape","id":"55e84658-1c3f-46f3-9fa7-f2f1724dd916","elementConfiguration":{"format":"{{DateFormats.GeneralDate}}","binding":"Form.Date","disableUpdates":false,"type":"date"}},{"type":"shape","id":"1f7dcb65-4c52-4838-acd9-3adf903ddefa","elementConfiguration":{"binding":"Form.Footer","disableUpdates":false,"type":"text"}},{"type":"shape","id":"fe4139f8-c7df-4dbd-a9ae-47ec13f35ad0","elementConfiguration":{"format":"{{DateFormats.GeneralDate}}","binding":"Form.Date","disableUpdates":false,"type":"date"}},{"type":"shape","id":"2737f3f2-62b5-4090-85e6-e974242b4670","elementConfiguration":{"binding":"Form.Footer","disableUpdates":false,"type":"text"}},{"type":"shape","id":"208c6e85-2b0e-4fae-88d6-09165a81ba43","elementConfiguration":{"binding":"Form.Footer","disableUpdates":false,"type":"text"}},{"type":"shape","id":"fea13a60-6533-42b6-9d0f-fadf0a72b10c","elementConfiguration":{"format":"{{DateFormats.GeneralDate}}","binding":"Form.Date","disableUpdates":false,"type":"date"}},{"type":"shape","id":"91dfb2ab-b3b8-4c24-b933-03363ee5bfa2","elementConfiguration":{"binding":"Form.Footer","disableUpdates":false,"type":"text"}},{"type":"shape","id":"b74327e7-8b59-46a2-a302-f9c04ead024a","elementConfiguration":{"binding":"Form.Footer","disableUpdates":false,"type":"text"}},{"type":"shape","id":"f22da234-685e-42c5-ad48-22505a74c4f7","elementConfiguration":{"format":"{{DateFormats.GeneralDate}}","binding":"Form.Date","disableUpdates":false,"type":"date"}},{"type":"shape","id":"6e2e082d-6532-4236-8e63-2ce89aeac0be","elementConfiguration":{"binding":"Form.Footer","disableUpdates":false,"type":"text"}},{"type":"shape","id":"1ad81cce-2104-40a0-985c-bac746e763eb","elementConfiguration":{"format":"{{DateFormats.GeneralDate}}","binding":"Form.Date","disableUpdates":false,"type":"date"}},{"type":"shape","id":"59db756d-76f3-4512-b230-bb9b64925aee","elementConfiguration":{"binding":"Form.Footer","disableUpdates":false,"type":"text"}},{"type":"shape","id":"d9890d14-ad19-40a6-9ffb-5f7384c62ae5","elementConfiguration":{"format":"{{DateFormats.GeneralDate}}","binding":"Form.Date","disableUpdates":false,"type":"date"}},{"type":"shape","id":"03ec4adf-5c17-4e6a-a51c-17c3efb809c8","elementConfiguration":{"binding":"Form.Footer","disableUpdates":false,"type":"text"}},{"type":"shape","id":"6528f6c6-4878-482b-b70f-a00095be967a","elementConfiguration":{"binding":"Form.Footer","disableUpdates":false,"type":"text"}},{"type":"shape","id":"5a7fff18-bdf2-4ea8-a186-baefa7b41549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7.xml><?xml version="1.0" encoding="utf-8"?>
<TemplafyFormConfiguration><![CDATA[{"formFields":[],"formDataEntries":[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C6545C5-5FC3-4F21-B6CA-17ED56311BD8}">
  <ds:schemaRefs/>
</ds:datastoreItem>
</file>

<file path=customXml/itemProps10.xml><?xml version="1.0" encoding="utf-8"?>
<ds:datastoreItem xmlns:ds="http://schemas.openxmlformats.org/officeDocument/2006/customXml" ds:itemID="{65EC060A-A282-4186-9BC0-29749DBBFB42}">
  <ds:schemaRefs/>
</ds:datastoreItem>
</file>

<file path=customXml/itemProps11.xml><?xml version="1.0" encoding="utf-8"?>
<ds:datastoreItem xmlns:ds="http://schemas.openxmlformats.org/officeDocument/2006/customXml" ds:itemID="{A4B406F4-1251-4A88-8354-A2050A704DA8}">
  <ds:schemaRefs/>
</ds:datastoreItem>
</file>

<file path=customXml/itemProps12.xml><?xml version="1.0" encoding="utf-8"?>
<ds:datastoreItem xmlns:ds="http://schemas.openxmlformats.org/officeDocument/2006/customXml" ds:itemID="{9ED1C6C8-3BBB-465B-819D-1FBF6A248A51}">
  <ds:schemaRefs>
    <ds:schemaRef ds:uri="884da6ee-ee1f-4cee-81b7-d079beb9020d"/>
    <ds:schemaRef ds:uri="aeda763a-b8db-43e0-9e22-da126f4d67b8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409F21E5-E86F-4756-9B1B-C883E365BA73}">
  <ds:schemaRefs/>
</ds:datastoreItem>
</file>

<file path=customXml/itemProps14.xml><?xml version="1.0" encoding="utf-8"?>
<ds:datastoreItem xmlns:ds="http://schemas.openxmlformats.org/officeDocument/2006/customXml" ds:itemID="{D26AA085-4532-49D4-92C7-84E151780CCB}">
  <ds:schemaRefs/>
</ds:datastoreItem>
</file>

<file path=customXml/itemProps15.xml><?xml version="1.0" encoding="utf-8"?>
<ds:datastoreItem xmlns:ds="http://schemas.openxmlformats.org/officeDocument/2006/customXml" ds:itemID="{DDA4D963-764D-4BEF-95A2-5B50FA316A98}">
  <ds:schemaRefs/>
</ds:datastoreItem>
</file>

<file path=customXml/itemProps2.xml><?xml version="1.0" encoding="utf-8"?>
<ds:datastoreItem xmlns:ds="http://schemas.openxmlformats.org/officeDocument/2006/customXml" ds:itemID="{3A41DC27-7883-4BB3-818E-986BAFEFA523}">
  <ds:schemaRefs/>
</ds:datastoreItem>
</file>

<file path=customXml/itemProps3.xml><?xml version="1.0" encoding="utf-8"?>
<ds:datastoreItem xmlns:ds="http://schemas.openxmlformats.org/officeDocument/2006/customXml" ds:itemID="{33267D86-7E2E-4E23-8229-5622367E8E5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B56DCF2-2FFC-4D2C-834F-3902025FC8C3}">
  <ds:schemaRefs>
    <ds:schemaRef ds:uri="884da6ee-ee1f-4cee-81b7-d079beb9020d"/>
    <ds:schemaRef ds:uri="aeda763a-b8db-43e0-9e22-da126f4d67b8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8069E0F1-9F06-4843-A31A-0582AFA85DBE}">
  <ds:schemaRefs/>
</ds:datastoreItem>
</file>

<file path=customXml/itemProps6.xml><?xml version="1.0" encoding="utf-8"?>
<ds:datastoreItem xmlns:ds="http://schemas.openxmlformats.org/officeDocument/2006/customXml" ds:itemID="{EA1FE7B0-8006-489E-AE98-9950FE63513A}">
  <ds:schemaRefs/>
</ds:datastoreItem>
</file>

<file path=customXml/itemProps7.xml><?xml version="1.0" encoding="utf-8"?>
<ds:datastoreItem xmlns:ds="http://schemas.openxmlformats.org/officeDocument/2006/customXml" ds:itemID="{66FD51B9-83F1-43BC-AA96-BD43703FE846}">
  <ds:schemaRefs/>
</ds:datastoreItem>
</file>

<file path=customXml/itemProps8.xml><?xml version="1.0" encoding="utf-8"?>
<ds:datastoreItem xmlns:ds="http://schemas.openxmlformats.org/officeDocument/2006/customXml" ds:itemID="{B110F952-0512-4414-9D74-97C3E9582A30}">
  <ds:schemaRefs/>
</ds:datastoreItem>
</file>

<file path=customXml/itemProps9.xml><?xml version="1.0" encoding="utf-8"?>
<ds:datastoreItem xmlns:ds="http://schemas.openxmlformats.org/officeDocument/2006/customXml" ds:itemID="{E195EC0A-7CCE-44C4-AE37-D3AD7BF624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Application>Microsoft Office PowerPoint</Application>
  <PresentationFormat>Widescreen</PresentationFormat>
  <Slides>13</Slides>
  <Notes>2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4" baseType="lpstr">
      <vt:lpstr>Blank</vt:lpstr>
      <vt:lpstr>Veidekkes  HMS-uke 2025</vt:lpstr>
      <vt:lpstr>Hva er Veidekkes HMS-uke?</vt:lpstr>
      <vt:lpstr>Hva er målene for HMS-uka 2025?</vt:lpstr>
      <vt:lpstr>Hvordan gjennomføre felles program?</vt:lpstr>
      <vt:lpstr>Årets tema: Arbeidsmiljø og arbeidshelse</vt:lpstr>
      <vt:lpstr>Hva mener vi med arbeidsmiljø?</vt:lpstr>
      <vt:lpstr>Hva mener vi med arbeidsmiljø?</vt:lpstr>
      <vt:lpstr>Hva mener vi med arbeidshelse?</vt:lpstr>
      <vt:lpstr>Mange av risikoene knyttet til slitasje og sykdom blir ikke synlige umiddelbart i arbeidsoperasjonen.   De kjennes først på kroppen etter lang tids eksponering.  </vt:lpstr>
      <vt:lpstr>Se HMS-ukefilmen sammen nå</vt:lpstr>
      <vt:lpstr>Refleksjonsoppgaver etter filmen</vt:lpstr>
      <vt:lpstr>Les mer om arbeidsmiljø og arbeidshelse på hms.veidekke.no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Siv Elin Karlsen</dc:creator>
  <cp:revision>1</cp:revision>
  <dcterms:created xsi:type="dcterms:W3CDTF">2022-04-26T08:44:00Z</dcterms:created>
  <dcterms:modified xsi:type="dcterms:W3CDTF">2025-08-25T07:39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5-16T10:24:34.6658112Z</vt:lpwstr>
  </property>
  <property fmtid="{D5CDD505-2E9C-101B-9397-08002B2CF9AE}" pid="3" name="Created by">
    <vt:lpwstr>omnidocs.com</vt:lpwstr>
  </property>
  <property fmtid="{D5CDD505-2E9C-101B-9397-08002B2CF9AE}" pid="4" name="TemplafyTenantId">
    <vt:lpwstr>veidekke</vt:lpwstr>
  </property>
  <property fmtid="{D5CDD505-2E9C-101B-9397-08002B2CF9AE}" pid="5" name="TemplafyTemplateId">
    <vt:lpwstr>638699636301382321</vt:lpwstr>
  </property>
  <property fmtid="{D5CDD505-2E9C-101B-9397-08002B2CF9AE}" pid="6" name="TemplafyUserProfileId">
    <vt:lpwstr>636838242133223423</vt:lpwstr>
  </property>
  <property fmtid="{D5CDD505-2E9C-101B-9397-08002B2CF9AE}" pid="7" name="TemplafyLanguageCode">
    <vt:lpwstr>nb-NO</vt:lpwstr>
  </property>
  <property fmtid="{D5CDD505-2E9C-101B-9397-08002B2CF9AE}" pid="8" name="VD_Country">
    <vt:lpwstr>1;#Norge|eeab8bf1-76d1-4f92-aee9-f4aa0915eacc</vt:lpwstr>
  </property>
  <property fmtid="{D5CDD505-2E9C-101B-9397-08002B2CF9AE}" pid="9" name="VD_Organization">
    <vt:lpwstr>2;#Konsern|74375cae-8c5b-4f23-9737-a1074b6f6932</vt:lpwstr>
  </property>
  <property fmtid="{D5CDD505-2E9C-101B-9397-08002B2CF9AE}" pid="10" name="MediaServiceImageTags">
    <vt:lpwstr/>
  </property>
  <property fmtid="{D5CDD505-2E9C-101B-9397-08002B2CF9AE}" pid="11" name="ContentTypeId">
    <vt:lpwstr>0x010100ED0DA606B66FFF4C9BBBE9794B95F31A</vt:lpwstr>
  </property>
</Properties>
</file>